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95" d="100"/>
          <a:sy n="95" d="100"/>
        </p:scale>
        <p:origin x="1212" y="-6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7-5-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7-5-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voerendaal/"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logo, Graphics&#10;&#10;Automatisch gegenereerde beschrijving">
            <a:extLst>
              <a:ext uri="{FF2B5EF4-FFF2-40B4-BE49-F238E27FC236}">
                <a16:creationId xmlns:a16="http://schemas.microsoft.com/office/drawing/2014/main" id="{7AD073CF-5BFA-180E-A6BC-85DCC503ABA0}"/>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57953" y="4838555"/>
            <a:ext cx="3058487" cy="1865677"/>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Lettertype, logo, Graphics&#10;&#10;Automatisch gegenereerde beschrijving">
            <a:extLst>
              <a:ext uri="{FF2B5EF4-FFF2-40B4-BE49-F238E27FC236}">
                <a16:creationId xmlns:a16="http://schemas.microsoft.com/office/drawing/2014/main" id="{60465B6D-A0D5-A674-4C9F-0E067C1628F9}"/>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06844" y="4280597"/>
            <a:ext cx="1779661" cy="1085593"/>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2</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2</cp:revision>
  <dcterms:created xsi:type="dcterms:W3CDTF">2019-07-30T10:24:44Z</dcterms:created>
  <dcterms:modified xsi:type="dcterms:W3CDTF">2024-05-17T13:50:04Z</dcterms:modified>
</cp:coreProperties>
</file>